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0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市町村自治振興事業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固定負債</t>
  </si>
  <si>
    <t>有形固定資産</t>
  </si>
  <si>
    <t>-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>
        <v>42604</v>
      </c>
      <c r="K13" s="33"/>
      <c r="L13" s="34" t="s">
        <v>12</v>
      </c>
      <c r="M13" s="34"/>
      <c r="N13" s="34"/>
      <c r="O13" s="34"/>
      <c r="P13" s="34"/>
      <c r="Q13" s="34"/>
      <c r="R13" s="36"/>
      <c r="S13" s="37">
        <v>241</v>
      </c>
      <c r="V13" s="38"/>
    </row>
    <row r="14" spans="1:24" s="32" customFormat="1" ht="12" customHeight="1" x14ac:dyDescent="0.2">
      <c r="A14" s="26"/>
      <c r="B14" s="33"/>
      <c r="C14" s="34"/>
      <c r="D14" s="34" t="s">
        <v>13</v>
      </c>
      <c r="E14" s="34"/>
      <c r="F14" s="34"/>
      <c r="G14" s="34"/>
      <c r="H14" s="34"/>
      <c r="I14" s="34"/>
      <c r="J14" s="35" t="s">
        <v>14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>
        <v>241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4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>
        <v>241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4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4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4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4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4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4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4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4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4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4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4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4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4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4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4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4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4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4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4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4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4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4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4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4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4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4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4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4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4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4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4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4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4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4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4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>
        <v>241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>
        <v>47383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4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>
        <v>1307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4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4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4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4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4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4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4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4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4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4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>
        <v>42604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4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4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4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4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4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4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>
        <v>42604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4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4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4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4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>
        <v>6328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>
        <v>1548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4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>
        <v>4780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4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4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4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4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4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>
        <v>48691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>
        <v>48932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>
        <v>48932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2498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>
        <v>3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4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4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4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>
        <v>3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>
        <v>3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4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4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4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4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4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4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2495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>
        <v>2495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>
        <v>2495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 t="s">
        <v>14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4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4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 t="s">
        <v>14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4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>
        <v>411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4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>
        <v>411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2087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4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4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4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4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4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4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4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2087</v>
      </c>
      <c r="K49" s="89"/>
      <c r="L49" s="90">
        <v>-2087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2642</v>
      </c>
      <c r="K50" s="91"/>
      <c r="L50" s="37">
        <v>2642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2642</v>
      </c>
      <c r="K51" s="91"/>
      <c r="L51" s="37">
        <v>2642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 t="s">
        <v>14</v>
      </c>
      <c r="K52" s="91"/>
      <c r="L52" s="37" t="s">
        <v>14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4</v>
      </c>
      <c r="K53" s="91"/>
      <c r="L53" s="37" t="s">
        <v>14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4</v>
      </c>
      <c r="K54" s="91"/>
      <c r="L54" s="37" t="s">
        <v>14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4</v>
      </c>
      <c r="K55" s="91"/>
      <c r="L55" s="37" t="s">
        <v>14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4</v>
      </c>
      <c r="K56" s="91"/>
      <c r="L56" s="37" t="s">
        <v>14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4</v>
      </c>
      <c r="K57" s="91"/>
      <c r="L57" s="37" t="s">
        <v>14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>
        <v>2642</v>
      </c>
      <c r="K58" s="91"/>
      <c r="L58" s="37">
        <v>2642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4</v>
      </c>
      <c r="K59" s="91"/>
      <c r="L59" s="37" t="s">
        <v>14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>
        <v>555</v>
      </c>
      <c r="K60" s="92"/>
      <c r="L60" s="84">
        <v>555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>
        <v>448</v>
      </c>
      <c r="L61" s="37">
        <v>-448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4</v>
      </c>
      <c r="L62" s="37" t="s">
        <v>14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4</v>
      </c>
      <c r="L63" s="37" t="s">
        <v>14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>
        <v>5304</v>
      </c>
      <c r="L64" s="37">
        <v>-5304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>
        <v>-4856</v>
      </c>
      <c r="L65" s="37">
        <v>4856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4</v>
      </c>
      <c r="K66" s="94" t="s">
        <v>14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4</v>
      </c>
      <c r="K67" s="94" t="s">
        <v>14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4</v>
      </c>
      <c r="K68" s="91"/>
      <c r="L68" s="37" t="s">
        <v>14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>
        <v>555</v>
      </c>
      <c r="K69" s="96">
        <v>448</v>
      </c>
      <c r="L69" s="84">
        <v>108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>
        <v>48136</v>
      </c>
      <c r="K70" s="94">
        <v>46936</v>
      </c>
      <c r="L70" s="37">
        <v>1200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>
        <v>48691</v>
      </c>
      <c r="K71" s="100">
        <v>47383</v>
      </c>
      <c r="L71" s="54">
        <v>1307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2498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3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4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>
        <v>3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4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 t="s">
        <v>14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2495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2495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4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0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4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3053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2642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4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4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>
        <v>411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4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4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4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>
        <v>555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>
        <v>5304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4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4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4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>
        <v>5304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>
        <v>4856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4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4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>
        <v>4856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4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4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>
        <v>-448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>
        <v>125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>
        <v>125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4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4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4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>
        <v>-125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>
        <v>-18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>
        <v>1566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>
        <v>1548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4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4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4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>
        <v>1548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29Z</dcterms:created>
  <dcterms:modified xsi:type="dcterms:W3CDTF">2024-09-18T08:51:29Z</dcterms:modified>
</cp:coreProperties>
</file>